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ec\s1133\03_納税課\08_事業別\020_県西地区徴収対策連絡協議会\030_地区共同公売\R7年度\03_入札者の心得＆入札される方へ＆陳述書関係\01 起案・施行\"/>
    </mc:Choice>
  </mc:AlternateContent>
  <xr:revisionPtr revIDLastSave="0" documentId="13_ncr:1_{5981F1E5-3A58-4244-B949-AD53A7EB6ECD}" xr6:coauthVersionLast="47" xr6:coauthVersionMax="47" xr10:uidLastSave="{00000000-0000-0000-0000-000000000000}"/>
  <bookViews>
    <workbookView xWindow="-108" yWindow="-108" windowWidth="23256" windowHeight="12456" xr2:uid="{00000000-000D-0000-FFFF-FFFF00000000}"/>
  </bookViews>
  <sheets>
    <sheet name="入札者の心得" sheetId="1" r:id="rId1"/>
  </sheets>
  <definedNames>
    <definedName name="_xlnm.Print_Area" localSheetId="0">入札者の心得!$A$1:$J$7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9" uniqueCount="69">
  <si>
    <t>入札者の心得</t>
  </si>
  <si>
    <t>１  入札書は、売却区分ごとに別用紙を使用してください。</t>
    <phoneticPr fontId="3"/>
  </si>
  <si>
    <t>２  代理人が入札するときは、あらかじめ委任状を提出してください。　</t>
    <phoneticPr fontId="3"/>
  </si>
  <si>
    <t>３  公売保証金の提供を要する公売財産についての入札は、その提供後でなければ入札できません。</t>
    <rPh sb="3" eb="5">
      <t>コウバイ</t>
    </rPh>
    <rPh sb="5" eb="8">
      <t>ホショウキン</t>
    </rPh>
    <rPh sb="9" eb="11">
      <t>テイキョウ</t>
    </rPh>
    <rPh sb="12" eb="13">
      <t>ヨウ</t>
    </rPh>
    <rPh sb="15" eb="17">
      <t>コウバイ</t>
    </rPh>
    <rPh sb="17" eb="19">
      <t>ザイサン</t>
    </rPh>
    <rPh sb="24" eb="26">
      <t>ニュウサツ</t>
    </rPh>
    <rPh sb="30" eb="32">
      <t>テイキョウ</t>
    </rPh>
    <rPh sb="32" eb="33">
      <t>ゴ</t>
    </rPh>
    <rPh sb="38" eb="40">
      <t>ニュウサツ</t>
    </rPh>
    <phoneticPr fontId="3"/>
  </si>
  <si>
    <t>４  入札書には、入札者の住所、氏名、連絡先（電話番号）、入札価額及び売却区分の番号を記入してください。</t>
    <phoneticPr fontId="3"/>
  </si>
  <si>
    <t xml:space="preserve">  　また、公売財産が消費税・地方消費税の課税財産である場合には、入札価額の欄に記載された金額は、消費税・地方消費税を</t>
    <phoneticPr fontId="3"/>
  </si>
  <si>
    <t xml:space="preserve">  含む金額として取り扱われます。</t>
    <phoneticPr fontId="3"/>
  </si>
  <si>
    <t>５  字体は、はっきりと書いてください。また、訂正したり抹消したりしないでください。書き損じたときは訂正しないで、新た</t>
    <rPh sb="50" eb="52">
      <t>テイセイ</t>
    </rPh>
    <rPh sb="57" eb="58">
      <t>アラ</t>
    </rPh>
    <phoneticPr fontId="3"/>
  </si>
  <si>
    <t>６  一度提出した入札書は、引換え、変更又は取消しをすることはできません。</t>
    <phoneticPr fontId="3"/>
  </si>
  <si>
    <t>７　公売財産が不動産である場合において、入札者は、陳述書により暴力団員等でないことを陳述しなければ、入札をすることが</t>
    <phoneticPr fontId="3"/>
  </si>
  <si>
    <t>　できません。</t>
    <phoneticPr fontId="3"/>
  </si>
  <si>
    <t xml:space="preserve">  (2) 入札書に記載された事項を訂正したもの</t>
    <phoneticPr fontId="3"/>
  </si>
  <si>
    <t xml:space="preserve">  (3) 公売保証金を納付すべきもので、入札前に納付しないもの、又は納付した額が公告した額に満たないもの</t>
    <phoneticPr fontId="3"/>
  </si>
  <si>
    <t>　します。</t>
    <phoneticPr fontId="3"/>
  </si>
  <si>
    <t xml:space="preserve">  (1) 入札をしようとする者の公売への参加若しくは入札、最高価申込者の決定、又は買受人の買受代金の納付を妨げた者  </t>
    <phoneticPr fontId="3"/>
  </si>
  <si>
    <t xml:space="preserve">  (2) 公売に際して不当に価額を引き下げる目的をもって連合した者</t>
    <phoneticPr fontId="3"/>
  </si>
  <si>
    <t xml:space="preserve">  (3) 偽りの名義で買受申込みをした者</t>
    <phoneticPr fontId="3"/>
  </si>
  <si>
    <t xml:space="preserve">  (4) 正当な理由がなく買受代金納付の期限までに代金を納付しない買受人</t>
    <phoneticPr fontId="3"/>
  </si>
  <si>
    <t xml:space="preserve">  (5) 故意に公売財産を損傷し、その価額を減少させた者 </t>
    <phoneticPr fontId="3"/>
  </si>
  <si>
    <t xml:space="preserve">  (6) (1)から(5)に掲げる者のほか、公売の実施を妨げる行為をした者</t>
    <phoneticPr fontId="3"/>
  </si>
  <si>
    <t>　(1)  暴力団員等に該当する者</t>
    <phoneticPr fontId="3"/>
  </si>
  <si>
    <t>　(2)　法人でその役員のうちに暴力団員等に該当する者があるもの</t>
    <phoneticPr fontId="3"/>
  </si>
  <si>
    <t>　の上開札します。</t>
    <phoneticPr fontId="3"/>
  </si>
  <si>
    <t>　とがあります。</t>
    <phoneticPr fontId="3"/>
  </si>
  <si>
    <t xml:space="preserve">  (1) 最高価申込者となった者の納付した公売保証金は、買受代金の一部とします。</t>
    <phoneticPr fontId="3"/>
  </si>
  <si>
    <t xml:space="preserve">  (2) 最高価申込者とならなかった者の納付した公売保証金は、直ちに返還します。ただし、次順位買受申込者に対しては、最高</t>
    <phoneticPr fontId="3"/>
  </si>
  <si>
    <t xml:space="preserve"> 　 価申込者が買受代金を納付した後に返還します。</t>
    <phoneticPr fontId="3"/>
  </si>
  <si>
    <t xml:space="preserve">  (3) 最高価申込者が買受代金の納付期限までにその代金を納付しないときは、公売保証金を返還せず滞納者の未納徴収金に充て、</t>
    <phoneticPr fontId="3"/>
  </si>
  <si>
    <t xml:space="preserve">  　なお残余があるときは滞納者に交付することになります。</t>
    <phoneticPr fontId="3"/>
  </si>
  <si>
    <t xml:space="preserve">  (2) 売却決定は、入札書の「入札価額」欄に記載された金額により行います。 </t>
    <phoneticPr fontId="3"/>
  </si>
  <si>
    <t>　後であってもその決定を取り消します。</t>
    <phoneticPr fontId="3"/>
  </si>
  <si>
    <t>　入札又は買受けを取り消すことができます。</t>
    <phoneticPr fontId="3"/>
  </si>
  <si>
    <t>　代金納付の日に登録免許税額等に相当する印紙、又は領収証書を添えて請求してください。</t>
    <phoneticPr fontId="3"/>
  </si>
  <si>
    <t>９  次のいずれかに該当する入札は無効とします。</t>
    <phoneticPr fontId="3"/>
  </si>
  <si>
    <t>10  次のいずれかに該当すると認められる事実がある者については、入札がなかったものとし、又は最高価申込者の決定を取り消</t>
    <phoneticPr fontId="3"/>
  </si>
  <si>
    <t>　　また、公売財産が不動産等である場合において、最高価申込者の入札価額に次ぐ高い価額（見積価額以上で、かつ、最高価申</t>
    <phoneticPr fontId="2"/>
  </si>
  <si>
    <t>　込者の入札価額から公売保証金の額を控除した金額以上であるものに限る。）により入札をした者から次順位による買受けの申</t>
    <phoneticPr fontId="2"/>
  </si>
  <si>
    <t>15  開札の結果、入札者がないとき、又は入札者があってもその入札価額が見積価額に達しないときは、直ちに再度入札を行うこ</t>
    <phoneticPr fontId="3"/>
  </si>
  <si>
    <t>16  入札者が納付した公売保証金は、次により取り扱います。</t>
    <phoneticPr fontId="3"/>
  </si>
  <si>
    <t>17  最高価申込者に対し、次により売却決定を行います。</t>
    <phoneticPr fontId="3"/>
  </si>
  <si>
    <t>18  買受代金は代金納付期限までに納付してください。</t>
    <phoneticPr fontId="3"/>
  </si>
  <si>
    <t>13  開札は、公売場所で行いますから、入札者は立ち会ってください。ただし、入札者が立ち会わない場合でも、他の職員立会い</t>
    <rPh sb="8" eb="10">
      <t>コウバイ</t>
    </rPh>
    <rPh sb="10" eb="12">
      <t>バショ</t>
    </rPh>
    <phoneticPr fontId="3"/>
  </si>
  <si>
    <t>14  開札の結果、見積価額以上の入札をした者のうち、最高価の入札をした者を最高価申込者と決定します。この場合、最高価の</t>
    <phoneticPr fontId="3"/>
  </si>
  <si>
    <t>　入札をした者が２名以上あるときは、更に入札をして決定し、なお価額が同じときは、くじで決定します。</t>
    <phoneticPr fontId="3"/>
  </si>
  <si>
    <t>　込みがあるときは、その者を次順位買受申込者に決定します。次順位による買受の申込みは、入札書のチェック欄に〇を記入す</t>
    <phoneticPr fontId="2"/>
  </si>
  <si>
    <t>　ることをもって行ってください。この場合、次順位買受申込者が２名以上あるときは、くじで決定します。</t>
    <rPh sb="8" eb="9">
      <t>オコナ</t>
    </rPh>
    <phoneticPr fontId="2"/>
  </si>
  <si>
    <t>22  最高価申込者又は買受人は、換価財産に係る徴収金について滞納処分の続行の停止があった場合には、その停止期間中に限り、</t>
    <phoneticPr fontId="3"/>
  </si>
  <si>
    <t>24  公売財産の権利移転につき登記（登録）を要するものについて、その移転の登記（登録）を請求しようとする買受人は、買受</t>
    <phoneticPr fontId="3"/>
  </si>
  <si>
    <t>26  その他特に注意すべき事項については、その都度お知らせします。</t>
    <phoneticPr fontId="3"/>
  </si>
  <si>
    <t>19  公売保証金は、現金又は小切手（銀行の振出しに係るもの及びその支払保証のあるものに限る。）で納付してください。</t>
    <phoneticPr fontId="3"/>
  </si>
  <si>
    <t xml:space="preserve">  (1) 入札書の記入すべき事項に漏れがあるもの又は記載された事項が判読できないもの</t>
    <rPh sb="18" eb="19">
      <t>モ</t>
    </rPh>
    <phoneticPr fontId="3"/>
  </si>
  <si>
    <t>　いずれかに該当すると認める場合には、これらの最高価申込者等を最高価申込者とする決定を取り消します。</t>
    <phoneticPr fontId="3"/>
  </si>
  <si>
    <t>12　公売財産が不動産である場合において、最高価申込者等又は自己の計算において最高価申込者等に入札等をさせた者が、次の</t>
    <rPh sb="28" eb="29">
      <t>マタ</t>
    </rPh>
    <phoneticPr fontId="3"/>
  </si>
  <si>
    <t xml:space="preserve">25  公売場所に出入する者は公売を執行する職員の指示に従ってください。 </t>
    <phoneticPr fontId="3"/>
  </si>
  <si>
    <t xml:space="preserve">  (4) 10のいずれかに該当する者の納付した公売保証金は、返還せず各執行機関に帰属します。</t>
    <rPh sb="35" eb="40">
      <t>カクシッコウキカン</t>
    </rPh>
    <phoneticPr fontId="3"/>
  </si>
  <si>
    <t>　載してください。</t>
    <rPh sb="1" eb="2">
      <t>サイ</t>
    </rPh>
    <phoneticPr fontId="3"/>
  </si>
  <si>
    <t>　　なお、入札者が代理人のときは、本人の住所、氏名、連絡先（電話番号）及び代理人の住所、氏名、連絡先（電話番号）を記</t>
    <rPh sb="41" eb="43">
      <t>ジュウショ</t>
    </rPh>
    <phoneticPr fontId="3"/>
  </si>
  <si>
    <t>８  公売保証金は、公売場所に用意してある封筒の中に入れて封をし、封筒の表に所要事項を記載の上、入札前に納付してくださ</t>
    <phoneticPr fontId="3"/>
  </si>
  <si>
    <t>　い。</t>
    <phoneticPr fontId="2"/>
  </si>
  <si>
    <t xml:space="preserve">  (1) 不動産等については、公売期日から起算して７日を経過した日から21日を経過した日までの期間内で執行機関の長が指定し</t>
    <rPh sb="6" eb="9">
      <t>フドウサン</t>
    </rPh>
    <rPh sb="9" eb="10">
      <t>トウ</t>
    </rPh>
    <phoneticPr fontId="3"/>
  </si>
  <si>
    <t>　　果が明らかになった日）に行います。</t>
    <rPh sb="2" eb="3">
      <t>カ</t>
    </rPh>
    <rPh sb="4" eb="5">
      <t>アキ</t>
    </rPh>
    <phoneticPr fontId="3"/>
  </si>
  <si>
    <t>　　た日（国税徴収法第106条の2の規定による調査を嘱託した場合であって、同日までにその結果が明らかでないときは、その結</t>
    <rPh sb="3" eb="4">
      <t>ヒ</t>
    </rPh>
    <phoneticPr fontId="3"/>
  </si>
  <si>
    <t>　振込（振込手数料は買受人の負担になります。）で納付してください。</t>
    <rPh sb="1" eb="3">
      <t>フリコミ</t>
    </rPh>
    <phoneticPr fontId="2"/>
  </si>
  <si>
    <t>20  買受代金は、現金、小切手（銀行の振出しに係るもの及びその支払保証のあるものに限る。）又は各執行機関の指定口座への</t>
    <rPh sb="46" eb="47">
      <t>マタ</t>
    </rPh>
    <rPh sb="48" eb="49">
      <t>カク</t>
    </rPh>
    <rPh sb="49" eb="51">
      <t>シッコウ</t>
    </rPh>
    <rPh sb="51" eb="53">
      <t>キカン</t>
    </rPh>
    <rPh sb="54" eb="56">
      <t>シテイ</t>
    </rPh>
    <rPh sb="56" eb="58">
      <t>コウザ</t>
    </rPh>
    <phoneticPr fontId="3"/>
  </si>
  <si>
    <t>21　買受代金の納付前に換価に係る未納徴収金の完納の事実が証明されたときは、最高価申込者を決定した後又は売却決定をした</t>
    <phoneticPr fontId="3"/>
  </si>
  <si>
    <t>　から、財産のき損、焼失等による損害はすべて買受人の負担となります。</t>
    <phoneticPr fontId="3"/>
  </si>
  <si>
    <t>23  公売財産の権利移転は、売却決定後に買受代金を納付した時です。したがって、買受代金納付後は、買受人の所有となります</t>
    <phoneticPr fontId="3"/>
  </si>
  <si>
    <t>11　10のいずれかに該当する者については、その事実があった後２年間、公売に参加することを制限します。</t>
    <phoneticPr fontId="3"/>
  </si>
  <si>
    <t>　な入札書を使用してください。（ペン又はボールペンを必ず使用し、鉛筆は使用しないでください。）</t>
    <rPh sb="2" eb="4">
      <t>ニュウサツ</t>
    </rPh>
    <rPh sb="4" eb="5">
      <t>ショ</t>
    </rPh>
    <rPh sb="6" eb="8">
      <t>シヨウ</t>
    </rPh>
    <rPh sb="35" eb="37">
      <t>シヨ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x14ac:knownFonts="1">
    <font>
      <sz val="12"/>
      <color theme="1"/>
      <name val="ＭＳ 明朝"/>
      <family val="2"/>
      <charset val="128"/>
    </font>
    <font>
      <sz val="11"/>
      <name val="ＭＳ 明朝"/>
      <family val="1"/>
      <charset val="128"/>
    </font>
    <font>
      <sz val="6"/>
      <name val="ＭＳ 明朝"/>
      <family val="2"/>
      <charset val="128"/>
    </font>
    <font>
      <sz val="6"/>
      <name val="ＭＳ 明朝"/>
      <family val="1"/>
      <charset val="128"/>
    </font>
    <font>
      <sz val="8"/>
      <name val="ＭＳ 明朝"/>
      <family val="1"/>
      <charset val="128"/>
    </font>
    <font>
      <b/>
      <sz val="12"/>
      <name val="ＭＳ Ｐゴシック"/>
      <family val="3"/>
      <charset val="128"/>
      <scheme val="minor"/>
    </font>
  </fonts>
  <fills count="2">
    <fill>
      <patternFill patternType="none"/>
    </fill>
    <fill>
      <patternFill patternType="gray125"/>
    </fill>
  </fills>
  <borders count="1">
    <border>
      <left/>
      <right/>
      <top/>
      <bottom/>
      <diagonal/>
    </border>
  </borders>
  <cellStyleXfs count="2">
    <xf numFmtId="0" fontId="0" fillId="0" borderId="0">
      <alignment vertical="center"/>
    </xf>
    <xf numFmtId="0" fontId="1" fillId="0" borderId="0"/>
  </cellStyleXfs>
  <cellXfs count="5">
    <xf numFmtId="0" fontId="0" fillId="0" borderId="0" xfId="0">
      <alignment vertical="center"/>
    </xf>
    <xf numFmtId="0" fontId="4" fillId="0" borderId="0" xfId="1" applyFont="1" applyAlignment="1">
      <alignment vertical="center"/>
    </xf>
    <xf numFmtId="0" fontId="5" fillId="0" borderId="0" xfId="1" applyFont="1" applyAlignment="1">
      <alignment vertical="center"/>
    </xf>
    <xf numFmtId="0" fontId="1" fillId="0" borderId="0" xfId="1" applyFont="1" applyAlignment="1">
      <alignment vertical="center"/>
    </xf>
    <xf numFmtId="0" fontId="1" fillId="0" borderId="0" xfId="1" applyFont="1"/>
  </cellXfs>
  <cellStyles count="2">
    <cellStyle name="標準" xfId="0" builtinId="0"/>
    <cellStyle name="標準 2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1:B70"/>
  <sheetViews>
    <sheetView tabSelected="1" view="pageBreakPreview" zoomScale="190" zoomScaleNormal="130" zoomScaleSheetLayoutView="190" workbookViewId="0">
      <selection activeCell="B1" sqref="B1"/>
    </sheetView>
  </sheetViews>
  <sheetFormatPr defaultRowHeight="13.2" x14ac:dyDescent="0.2"/>
  <cols>
    <col min="1" max="1" width="1.69921875" style="4" customWidth="1"/>
    <col min="2" max="9" width="9" style="4"/>
    <col min="10" max="10" width="9.59765625" style="4" customWidth="1"/>
    <col min="11" max="256" width="9" style="4"/>
    <col min="257" max="257" width="1.69921875" style="4" customWidth="1"/>
    <col min="258" max="512" width="9" style="4"/>
    <col min="513" max="513" width="1.69921875" style="4" customWidth="1"/>
    <col min="514" max="768" width="9" style="4"/>
    <col min="769" max="769" width="1.69921875" style="4" customWidth="1"/>
    <col min="770" max="1024" width="9" style="4"/>
    <col min="1025" max="1025" width="1.69921875" style="4" customWidth="1"/>
    <col min="1026" max="1280" width="9" style="4"/>
    <col min="1281" max="1281" width="1.69921875" style="4" customWidth="1"/>
    <col min="1282" max="1536" width="9" style="4"/>
    <col min="1537" max="1537" width="1.69921875" style="4" customWidth="1"/>
    <col min="1538" max="1792" width="9" style="4"/>
    <col min="1793" max="1793" width="1.69921875" style="4" customWidth="1"/>
    <col min="1794" max="2048" width="9" style="4"/>
    <col min="2049" max="2049" width="1.69921875" style="4" customWidth="1"/>
    <col min="2050" max="2304" width="9" style="4"/>
    <col min="2305" max="2305" width="1.69921875" style="4" customWidth="1"/>
    <col min="2306" max="2560" width="9" style="4"/>
    <col min="2561" max="2561" width="1.69921875" style="4" customWidth="1"/>
    <col min="2562" max="2816" width="9" style="4"/>
    <col min="2817" max="2817" width="1.69921875" style="4" customWidth="1"/>
    <col min="2818" max="3072" width="9" style="4"/>
    <col min="3073" max="3073" width="1.69921875" style="4" customWidth="1"/>
    <col min="3074" max="3328" width="9" style="4"/>
    <col min="3329" max="3329" width="1.69921875" style="4" customWidth="1"/>
    <col min="3330" max="3584" width="9" style="4"/>
    <col min="3585" max="3585" width="1.69921875" style="4" customWidth="1"/>
    <col min="3586" max="3840" width="9" style="4"/>
    <col min="3841" max="3841" width="1.69921875" style="4" customWidth="1"/>
    <col min="3842" max="4096" width="9" style="4"/>
    <col min="4097" max="4097" width="1.69921875" style="4" customWidth="1"/>
    <col min="4098" max="4352" width="9" style="4"/>
    <col min="4353" max="4353" width="1.69921875" style="4" customWidth="1"/>
    <col min="4354" max="4608" width="9" style="4"/>
    <col min="4609" max="4609" width="1.69921875" style="4" customWidth="1"/>
    <col min="4610" max="4864" width="9" style="4"/>
    <col min="4865" max="4865" width="1.69921875" style="4" customWidth="1"/>
    <col min="4866" max="5120" width="9" style="4"/>
    <col min="5121" max="5121" width="1.69921875" style="4" customWidth="1"/>
    <col min="5122" max="5376" width="9" style="4"/>
    <col min="5377" max="5377" width="1.69921875" style="4" customWidth="1"/>
    <col min="5378" max="5632" width="9" style="4"/>
    <col min="5633" max="5633" width="1.69921875" style="4" customWidth="1"/>
    <col min="5634" max="5888" width="9" style="4"/>
    <col min="5889" max="5889" width="1.69921875" style="4" customWidth="1"/>
    <col min="5890" max="6144" width="9" style="4"/>
    <col min="6145" max="6145" width="1.69921875" style="4" customWidth="1"/>
    <col min="6146" max="6400" width="9" style="4"/>
    <col min="6401" max="6401" width="1.69921875" style="4" customWidth="1"/>
    <col min="6402" max="6656" width="9" style="4"/>
    <col min="6657" max="6657" width="1.69921875" style="4" customWidth="1"/>
    <col min="6658" max="6912" width="9" style="4"/>
    <col min="6913" max="6913" width="1.69921875" style="4" customWidth="1"/>
    <col min="6914" max="7168" width="9" style="4"/>
    <col min="7169" max="7169" width="1.69921875" style="4" customWidth="1"/>
    <col min="7170" max="7424" width="9" style="4"/>
    <col min="7425" max="7425" width="1.69921875" style="4" customWidth="1"/>
    <col min="7426" max="7680" width="9" style="4"/>
    <col min="7681" max="7681" width="1.69921875" style="4" customWidth="1"/>
    <col min="7682" max="7936" width="9" style="4"/>
    <col min="7937" max="7937" width="1.69921875" style="4" customWidth="1"/>
    <col min="7938" max="8192" width="9" style="4"/>
    <col min="8193" max="8193" width="1.69921875" style="4" customWidth="1"/>
    <col min="8194" max="8448" width="9" style="4"/>
    <col min="8449" max="8449" width="1.69921875" style="4" customWidth="1"/>
    <col min="8450" max="8704" width="9" style="4"/>
    <col min="8705" max="8705" width="1.69921875" style="4" customWidth="1"/>
    <col min="8706" max="8960" width="9" style="4"/>
    <col min="8961" max="8961" width="1.69921875" style="4" customWidth="1"/>
    <col min="8962" max="9216" width="9" style="4"/>
    <col min="9217" max="9217" width="1.69921875" style="4" customWidth="1"/>
    <col min="9218" max="9472" width="9" style="4"/>
    <col min="9473" max="9473" width="1.69921875" style="4" customWidth="1"/>
    <col min="9474" max="9728" width="9" style="4"/>
    <col min="9729" max="9729" width="1.69921875" style="4" customWidth="1"/>
    <col min="9730" max="9984" width="9" style="4"/>
    <col min="9985" max="9985" width="1.69921875" style="4" customWidth="1"/>
    <col min="9986" max="10240" width="9" style="4"/>
    <col min="10241" max="10241" width="1.69921875" style="4" customWidth="1"/>
    <col min="10242" max="10496" width="9" style="4"/>
    <col min="10497" max="10497" width="1.69921875" style="4" customWidth="1"/>
    <col min="10498" max="10752" width="9" style="4"/>
    <col min="10753" max="10753" width="1.69921875" style="4" customWidth="1"/>
    <col min="10754" max="11008" width="9" style="4"/>
    <col min="11009" max="11009" width="1.69921875" style="4" customWidth="1"/>
    <col min="11010" max="11264" width="9" style="4"/>
    <col min="11265" max="11265" width="1.69921875" style="4" customWidth="1"/>
    <col min="11266" max="11520" width="9" style="4"/>
    <col min="11521" max="11521" width="1.69921875" style="4" customWidth="1"/>
    <col min="11522" max="11776" width="9" style="4"/>
    <col min="11777" max="11777" width="1.69921875" style="4" customWidth="1"/>
    <col min="11778" max="12032" width="9" style="4"/>
    <col min="12033" max="12033" width="1.69921875" style="4" customWidth="1"/>
    <col min="12034" max="12288" width="9" style="4"/>
    <col min="12289" max="12289" width="1.69921875" style="4" customWidth="1"/>
    <col min="12290" max="12544" width="9" style="4"/>
    <col min="12545" max="12545" width="1.69921875" style="4" customWidth="1"/>
    <col min="12546" max="12800" width="9" style="4"/>
    <col min="12801" max="12801" width="1.69921875" style="4" customWidth="1"/>
    <col min="12802" max="13056" width="9" style="4"/>
    <col min="13057" max="13057" width="1.69921875" style="4" customWidth="1"/>
    <col min="13058" max="13312" width="9" style="4"/>
    <col min="13313" max="13313" width="1.69921875" style="4" customWidth="1"/>
    <col min="13314" max="13568" width="9" style="4"/>
    <col min="13569" max="13569" width="1.69921875" style="4" customWidth="1"/>
    <col min="13570" max="13824" width="9" style="4"/>
    <col min="13825" max="13825" width="1.69921875" style="4" customWidth="1"/>
    <col min="13826" max="14080" width="9" style="4"/>
    <col min="14081" max="14081" width="1.69921875" style="4" customWidth="1"/>
    <col min="14082" max="14336" width="9" style="4"/>
    <col min="14337" max="14337" width="1.69921875" style="4" customWidth="1"/>
    <col min="14338" max="14592" width="9" style="4"/>
    <col min="14593" max="14593" width="1.69921875" style="4" customWidth="1"/>
    <col min="14594" max="14848" width="9" style="4"/>
    <col min="14849" max="14849" width="1.69921875" style="4" customWidth="1"/>
    <col min="14850" max="15104" width="9" style="4"/>
    <col min="15105" max="15105" width="1.69921875" style="4" customWidth="1"/>
    <col min="15106" max="15360" width="9" style="4"/>
    <col min="15361" max="15361" width="1.69921875" style="4" customWidth="1"/>
    <col min="15362" max="15616" width="9" style="4"/>
    <col min="15617" max="15617" width="1.69921875" style="4" customWidth="1"/>
    <col min="15618" max="15872" width="9" style="4"/>
    <col min="15873" max="15873" width="1.69921875" style="4" customWidth="1"/>
    <col min="15874" max="16128" width="9" style="4"/>
    <col min="16129" max="16129" width="1.69921875" style="4" customWidth="1"/>
    <col min="16130" max="16384" width="9" style="4"/>
  </cols>
  <sheetData>
    <row r="1" spans="2:2" s="3" customFormat="1" ht="14.4" x14ac:dyDescent="0.2">
      <c r="B1" s="2" t="s">
        <v>0</v>
      </c>
    </row>
    <row r="2" spans="2:2" s="3" customFormat="1" hidden="1" x14ac:dyDescent="0.2"/>
    <row r="3" spans="2:2" s="1" customFormat="1" ht="9.6" x14ac:dyDescent="0.2">
      <c r="B3" s="1" t="s">
        <v>1</v>
      </c>
    </row>
    <row r="4" spans="2:2" s="1" customFormat="1" ht="9.6" x14ac:dyDescent="0.2">
      <c r="B4" s="1" t="s">
        <v>2</v>
      </c>
    </row>
    <row r="5" spans="2:2" s="1" customFormat="1" ht="9.6" x14ac:dyDescent="0.2">
      <c r="B5" s="1" t="s">
        <v>3</v>
      </c>
    </row>
    <row r="6" spans="2:2" s="1" customFormat="1" ht="9.6" x14ac:dyDescent="0.2">
      <c r="B6" s="1" t="s">
        <v>4</v>
      </c>
    </row>
    <row r="7" spans="2:2" s="1" customFormat="1" ht="9.6" x14ac:dyDescent="0.2">
      <c r="B7" s="1" t="s">
        <v>56</v>
      </c>
    </row>
    <row r="8" spans="2:2" s="1" customFormat="1" ht="9.6" x14ac:dyDescent="0.2">
      <c r="B8" s="1" t="s">
        <v>55</v>
      </c>
    </row>
    <row r="9" spans="2:2" s="1" customFormat="1" ht="9.6" x14ac:dyDescent="0.2">
      <c r="B9" s="1" t="s">
        <v>5</v>
      </c>
    </row>
    <row r="10" spans="2:2" s="1" customFormat="1" ht="9.6" x14ac:dyDescent="0.2">
      <c r="B10" s="1" t="s">
        <v>6</v>
      </c>
    </row>
    <row r="11" spans="2:2" s="1" customFormat="1" ht="9.6" x14ac:dyDescent="0.2">
      <c r="B11" s="1" t="s">
        <v>7</v>
      </c>
    </row>
    <row r="12" spans="2:2" s="1" customFormat="1" ht="9.6" x14ac:dyDescent="0.2">
      <c r="B12" s="1" t="s">
        <v>68</v>
      </c>
    </row>
    <row r="13" spans="2:2" s="1" customFormat="1" ht="9.6" x14ac:dyDescent="0.2">
      <c r="B13" s="1" t="s">
        <v>8</v>
      </c>
    </row>
    <row r="14" spans="2:2" s="1" customFormat="1" ht="9.6" x14ac:dyDescent="0.2">
      <c r="B14" s="1" t="s">
        <v>9</v>
      </c>
    </row>
    <row r="15" spans="2:2" s="1" customFormat="1" ht="9.6" x14ac:dyDescent="0.2">
      <c r="B15" s="1" t="s">
        <v>10</v>
      </c>
    </row>
    <row r="16" spans="2:2" s="1" customFormat="1" ht="9.6" x14ac:dyDescent="0.2">
      <c r="B16" s="1" t="s">
        <v>57</v>
      </c>
    </row>
    <row r="17" spans="2:2" s="1" customFormat="1" ht="9.6" x14ac:dyDescent="0.2">
      <c r="B17" s="1" t="s">
        <v>58</v>
      </c>
    </row>
    <row r="18" spans="2:2" s="1" customFormat="1" ht="9.6" x14ac:dyDescent="0.2">
      <c r="B18" s="1" t="s">
        <v>33</v>
      </c>
    </row>
    <row r="19" spans="2:2" s="1" customFormat="1" ht="9.6" x14ac:dyDescent="0.2">
      <c r="B19" s="1" t="s">
        <v>50</v>
      </c>
    </row>
    <row r="20" spans="2:2" s="1" customFormat="1" ht="9.6" x14ac:dyDescent="0.2">
      <c r="B20" s="1" t="s">
        <v>11</v>
      </c>
    </row>
    <row r="21" spans="2:2" s="1" customFormat="1" ht="9.6" x14ac:dyDescent="0.2">
      <c r="B21" s="1" t="s">
        <v>12</v>
      </c>
    </row>
    <row r="22" spans="2:2" s="1" customFormat="1" ht="9.6" x14ac:dyDescent="0.2">
      <c r="B22" s="1" t="s">
        <v>34</v>
      </c>
    </row>
    <row r="23" spans="2:2" s="1" customFormat="1" ht="9.6" x14ac:dyDescent="0.2">
      <c r="B23" s="1" t="s">
        <v>13</v>
      </c>
    </row>
    <row r="24" spans="2:2" s="1" customFormat="1" ht="9.6" x14ac:dyDescent="0.2">
      <c r="B24" s="1" t="s">
        <v>14</v>
      </c>
    </row>
    <row r="25" spans="2:2" s="1" customFormat="1" ht="9.6" x14ac:dyDescent="0.2">
      <c r="B25" s="1" t="s">
        <v>15</v>
      </c>
    </row>
    <row r="26" spans="2:2" s="1" customFormat="1" ht="9.6" x14ac:dyDescent="0.2">
      <c r="B26" s="1" t="s">
        <v>16</v>
      </c>
    </row>
    <row r="27" spans="2:2" s="1" customFormat="1" ht="9.6" x14ac:dyDescent="0.2">
      <c r="B27" s="1" t="s">
        <v>17</v>
      </c>
    </row>
    <row r="28" spans="2:2" s="1" customFormat="1" ht="9.6" x14ac:dyDescent="0.2">
      <c r="B28" s="1" t="s">
        <v>18</v>
      </c>
    </row>
    <row r="29" spans="2:2" s="1" customFormat="1" ht="9.6" x14ac:dyDescent="0.2">
      <c r="B29" s="1" t="s">
        <v>19</v>
      </c>
    </row>
    <row r="30" spans="2:2" s="1" customFormat="1" ht="9.6" x14ac:dyDescent="0.2">
      <c r="B30" s="1" t="s">
        <v>67</v>
      </c>
    </row>
    <row r="31" spans="2:2" s="1" customFormat="1" ht="9.6" x14ac:dyDescent="0.2">
      <c r="B31" s="1" t="s">
        <v>52</v>
      </c>
    </row>
    <row r="32" spans="2:2" s="1" customFormat="1" ht="9.6" x14ac:dyDescent="0.2">
      <c r="B32" s="1" t="s">
        <v>51</v>
      </c>
    </row>
    <row r="33" spans="2:2" s="1" customFormat="1" ht="9.6" x14ac:dyDescent="0.2">
      <c r="B33" s="1" t="s">
        <v>20</v>
      </c>
    </row>
    <row r="34" spans="2:2" s="1" customFormat="1" ht="9.6" x14ac:dyDescent="0.2">
      <c r="B34" s="1" t="s">
        <v>21</v>
      </c>
    </row>
    <row r="35" spans="2:2" s="1" customFormat="1" ht="9.6" x14ac:dyDescent="0.2">
      <c r="B35" s="1" t="s">
        <v>41</v>
      </c>
    </row>
    <row r="36" spans="2:2" s="1" customFormat="1" ht="9.6" x14ac:dyDescent="0.2">
      <c r="B36" s="1" t="s">
        <v>22</v>
      </c>
    </row>
    <row r="37" spans="2:2" s="1" customFormat="1" ht="9.6" x14ac:dyDescent="0.2">
      <c r="B37" s="1" t="s">
        <v>42</v>
      </c>
    </row>
    <row r="38" spans="2:2" s="1" customFormat="1" ht="9.6" x14ac:dyDescent="0.2">
      <c r="B38" s="1" t="s">
        <v>43</v>
      </c>
    </row>
    <row r="39" spans="2:2" s="1" customFormat="1" ht="9.6" x14ac:dyDescent="0.2">
      <c r="B39" s="1" t="s">
        <v>35</v>
      </c>
    </row>
    <row r="40" spans="2:2" s="1" customFormat="1" ht="9.6" x14ac:dyDescent="0.2">
      <c r="B40" s="1" t="s">
        <v>36</v>
      </c>
    </row>
    <row r="41" spans="2:2" s="1" customFormat="1" ht="9.6" x14ac:dyDescent="0.2">
      <c r="B41" s="1" t="s">
        <v>44</v>
      </c>
    </row>
    <row r="42" spans="2:2" s="1" customFormat="1" ht="9.6" x14ac:dyDescent="0.2">
      <c r="B42" s="1" t="s">
        <v>45</v>
      </c>
    </row>
    <row r="43" spans="2:2" s="1" customFormat="1" ht="9.6" x14ac:dyDescent="0.2">
      <c r="B43" s="1" t="s">
        <v>37</v>
      </c>
    </row>
    <row r="44" spans="2:2" s="1" customFormat="1" ht="9.6" x14ac:dyDescent="0.2">
      <c r="B44" s="1" t="s">
        <v>23</v>
      </c>
    </row>
    <row r="45" spans="2:2" s="1" customFormat="1" ht="9.6" x14ac:dyDescent="0.2">
      <c r="B45" s="1" t="s">
        <v>38</v>
      </c>
    </row>
    <row r="46" spans="2:2" s="1" customFormat="1" ht="9.6" x14ac:dyDescent="0.2">
      <c r="B46" s="1" t="s">
        <v>24</v>
      </c>
    </row>
    <row r="47" spans="2:2" s="1" customFormat="1" ht="9.6" x14ac:dyDescent="0.2">
      <c r="B47" s="1" t="s">
        <v>25</v>
      </c>
    </row>
    <row r="48" spans="2:2" s="1" customFormat="1" ht="9.6" x14ac:dyDescent="0.2">
      <c r="B48" s="1" t="s">
        <v>26</v>
      </c>
    </row>
    <row r="49" spans="2:2" s="1" customFormat="1" ht="9.6" x14ac:dyDescent="0.2">
      <c r="B49" s="1" t="s">
        <v>27</v>
      </c>
    </row>
    <row r="50" spans="2:2" s="1" customFormat="1" ht="9.6" x14ac:dyDescent="0.2">
      <c r="B50" s="1" t="s">
        <v>28</v>
      </c>
    </row>
    <row r="51" spans="2:2" s="1" customFormat="1" ht="9.6" x14ac:dyDescent="0.2">
      <c r="B51" s="1" t="s">
        <v>54</v>
      </c>
    </row>
    <row r="52" spans="2:2" s="1" customFormat="1" ht="9.6" x14ac:dyDescent="0.2">
      <c r="B52" s="1" t="s">
        <v>39</v>
      </c>
    </row>
    <row r="53" spans="2:2" s="1" customFormat="1" ht="9.6" x14ac:dyDescent="0.2">
      <c r="B53" s="1" t="s">
        <v>59</v>
      </c>
    </row>
    <row r="54" spans="2:2" s="1" customFormat="1" ht="9.6" x14ac:dyDescent="0.2">
      <c r="B54" s="1" t="s">
        <v>61</v>
      </c>
    </row>
    <row r="55" spans="2:2" s="1" customFormat="1" ht="9.6" x14ac:dyDescent="0.2">
      <c r="B55" s="1" t="s">
        <v>60</v>
      </c>
    </row>
    <row r="56" spans="2:2" s="1" customFormat="1" ht="9.6" x14ac:dyDescent="0.2">
      <c r="B56" s="1" t="s">
        <v>29</v>
      </c>
    </row>
    <row r="57" spans="2:2" s="1" customFormat="1" ht="9.6" x14ac:dyDescent="0.2">
      <c r="B57" s="1" t="s">
        <v>40</v>
      </c>
    </row>
    <row r="58" spans="2:2" s="1" customFormat="1" ht="9.6" x14ac:dyDescent="0.2">
      <c r="B58" s="1" t="s">
        <v>49</v>
      </c>
    </row>
    <row r="59" spans="2:2" s="1" customFormat="1" ht="9.6" x14ac:dyDescent="0.2">
      <c r="B59" s="1" t="s">
        <v>63</v>
      </c>
    </row>
    <row r="60" spans="2:2" s="1" customFormat="1" ht="9.6" x14ac:dyDescent="0.2">
      <c r="B60" s="1" t="s">
        <v>62</v>
      </c>
    </row>
    <row r="61" spans="2:2" s="1" customFormat="1" ht="9.6" x14ac:dyDescent="0.2">
      <c r="B61" s="1" t="s">
        <v>64</v>
      </c>
    </row>
    <row r="62" spans="2:2" s="1" customFormat="1" ht="9.6" x14ac:dyDescent="0.2">
      <c r="B62" s="1" t="s">
        <v>30</v>
      </c>
    </row>
    <row r="63" spans="2:2" s="1" customFormat="1" ht="9.6" x14ac:dyDescent="0.2">
      <c r="B63" s="1" t="s">
        <v>46</v>
      </c>
    </row>
    <row r="64" spans="2:2" s="1" customFormat="1" ht="9.6" x14ac:dyDescent="0.2">
      <c r="B64" s="1" t="s">
        <v>31</v>
      </c>
    </row>
    <row r="65" spans="2:2" s="1" customFormat="1" ht="9.6" x14ac:dyDescent="0.2">
      <c r="B65" s="1" t="s">
        <v>66</v>
      </c>
    </row>
    <row r="66" spans="2:2" s="1" customFormat="1" ht="9.6" x14ac:dyDescent="0.2">
      <c r="B66" s="1" t="s">
        <v>65</v>
      </c>
    </row>
    <row r="67" spans="2:2" s="1" customFormat="1" ht="9.6" x14ac:dyDescent="0.2">
      <c r="B67" s="1" t="s">
        <v>47</v>
      </c>
    </row>
    <row r="68" spans="2:2" s="1" customFormat="1" ht="9.6" x14ac:dyDescent="0.2">
      <c r="B68" s="1" t="s">
        <v>32</v>
      </c>
    </row>
    <row r="69" spans="2:2" s="1" customFormat="1" ht="9.6" x14ac:dyDescent="0.2">
      <c r="B69" s="1" t="s">
        <v>53</v>
      </c>
    </row>
    <row r="70" spans="2:2" s="1" customFormat="1" ht="9.6" x14ac:dyDescent="0.2">
      <c r="B70" s="1" t="s">
        <v>48</v>
      </c>
    </row>
  </sheetData>
  <phoneticPr fontId="2"/>
  <pageMargins left="0.59055118110236227" right="0.39370078740157483" top="0.59055118110236227" bottom="0.59055118110236227" header="0.31496062992125984" footer="0.31496062992125984"/>
  <pageSetup paperSize="8" scale="150" fitToHeight="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入札者の心得</vt:lpstr>
      <vt:lpstr>入札者の心得!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12-11T07:43:06Z</cp:lastPrinted>
  <dcterms:created xsi:type="dcterms:W3CDTF">2021-12-08T23:51:15Z</dcterms:created>
  <dcterms:modified xsi:type="dcterms:W3CDTF">2025-12-03T23:49:56Z</dcterms:modified>
</cp:coreProperties>
</file>